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85146A6" w14:textId="00148D7A" w:rsidR="00E234D9" w:rsidRDefault="00DE77BD">
      <w:r>
        <w:t>MINUTES OF SGF COMMITTEE MEETING 1</w:t>
      </w:r>
      <w:r w:rsidR="008D27F4">
        <w:t xml:space="preserve">1 AUGUST </w:t>
      </w:r>
      <w:r>
        <w:t>2025</w:t>
      </w:r>
    </w:p>
    <w:p w14:paraId="570A6EBC" w14:textId="1CFC0487" w:rsidR="00DE77BD" w:rsidRDefault="00DE77BD" w:rsidP="00D87522">
      <w:r>
        <w:t xml:space="preserve">In attendance                                             </w:t>
      </w:r>
      <w:r w:rsidR="00D87522">
        <w:t xml:space="preserve"> No </w:t>
      </w:r>
      <w:r>
        <w:t>Apolog</w:t>
      </w:r>
      <w:r w:rsidR="00D87522">
        <w:t>ies</w:t>
      </w:r>
      <w:r>
        <w:t xml:space="preserve"> </w:t>
      </w:r>
    </w:p>
    <w:p w14:paraId="4F7C7587" w14:textId="64581E83" w:rsidR="00DE77BD" w:rsidRDefault="00DE77BD" w:rsidP="00DE77BD">
      <w:pPr>
        <w:pStyle w:val="ListParagraph"/>
        <w:numPr>
          <w:ilvl w:val="0"/>
          <w:numId w:val="1"/>
        </w:numPr>
      </w:pPr>
      <w:r>
        <w:t>Daisy Jones</w:t>
      </w:r>
    </w:p>
    <w:p w14:paraId="23977703" w14:textId="7127E32B" w:rsidR="00DE77BD" w:rsidRDefault="00DE77BD" w:rsidP="00DE77BD">
      <w:pPr>
        <w:pStyle w:val="ListParagraph"/>
        <w:numPr>
          <w:ilvl w:val="0"/>
          <w:numId w:val="1"/>
        </w:numPr>
      </w:pPr>
      <w:r>
        <w:t>Jenny Robson</w:t>
      </w:r>
    </w:p>
    <w:p w14:paraId="2242DF76" w14:textId="16781FD0" w:rsidR="00DE77BD" w:rsidRDefault="00DE77BD" w:rsidP="00DE77BD">
      <w:pPr>
        <w:pStyle w:val="ListParagraph"/>
        <w:numPr>
          <w:ilvl w:val="0"/>
          <w:numId w:val="1"/>
        </w:numPr>
      </w:pPr>
      <w:r>
        <w:t>Sarah Richardson</w:t>
      </w:r>
    </w:p>
    <w:p w14:paraId="19691CF2" w14:textId="2CBBF142" w:rsidR="00DE77BD" w:rsidRDefault="00D87522" w:rsidP="00DE77BD">
      <w:pPr>
        <w:pStyle w:val="ListParagraph"/>
        <w:numPr>
          <w:ilvl w:val="0"/>
          <w:numId w:val="1"/>
        </w:numPr>
      </w:pPr>
      <w:r>
        <w:t>Nigel Duffin</w:t>
      </w:r>
    </w:p>
    <w:p w14:paraId="1595C48F" w14:textId="338E0A0A" w:rsidR="00DE77BD" w:rsidRDefault="00DE77BD" w:rsidP="00DE77BD">
      <w:pPr>
        <w:pStyle w:val="ListParagraph"/>
        <w:numPr>
          <w:ilvl w:val="0"/>
          <w:numId w:val="1"/>
        </w:numPr>
      </w:pPr>
      <w:r>
        <w:t>Jayne Britten</w:t>
      </w:r>
    </w:p>
    <w:p w14:paraId="2EECE108" w14:textId="2A9C2988" w:rsidR="00DE77BD" w:rsidRDefault="00DE77BD" w:rsidP="00DE77BD">
      <w:pPr>
        <w:pStyle w:val="ListParagraph"/>
        <w:numPr>
          <w:ilvl w:val="0"/>
          <w:numId w:val="1"/>
        </w:numPr>
      </w:pPr>
      <w:r>
        <w:t>Val Boyle</w:t>
      </w:r>
    </w:p>
    <w:p w14:paraId="7C497A88" w14:textId="67F41186" w:rsidR="008D27F4" w:rsidRDefault="00D87522" w:rsidP="008D27F4">
      <w:r>
        <w:t>Minutes from previous meeting agree</w:t>
      </w:r>
    </w:p>
    <w:p w14:paraId="1951250A" w14:textId="41CC2C1F" w:rsidR="008D27F4" w:rsidRDefault="008D27F4" w:rsidP="008D27F4">
      <w:pPr>
        <w:rPr>
          <w:b/>
          <w:bCs/>
        </w:rPr>
      </w:pPr>
      <w:r w:rsidRPr="008D27F4">
        <w:rPr>
          <w:b/>
          <w:bCs/>
        </w:rPr>
        <w:t>KVOD</w:t>
      </w:r>
    </w:p>
    <w:p w14:paraId="50C585BD" w14:textId="1812998E" w:rsidR="008D27F4" w:rsidRPr="008D27F4" w:rsidRDefault="008D27F4" w:rsidP="008D27F4">
      <w:r w:rsidRPr="008D27F4">
        <w:t>Daisy has spoken to their Chair. They are sadly closing due to lack of interest. They are donating to us and one other Charity the money they have so we can carry on with a community theatre group (3.5k)</w:t>
      </w:r>
    </w:p>
    <w:p w14:paraId="1C998B45" w14:textId="24DB76D3" w:rsidR="008D27F4" w:rsidRPr="008D27F4" w:rsidRDefault="008D27F4" w:rsidP="008D27F4">
      <w:r w:rsidRPr="008D27F4">
        <w:t>They are also offering us the contents of their Bog Yellow storage which is in New Malden. It is full of props and flats. Unsure how big it is. We will arrange a date t</w:t>
      </w:r>
      <w:r>
        <w:t>o</w:t>
      </w:r>
      <w:r w:rsidRPr="008D27F4">
        <w:t xml:space="preserve"> go and view it shortly. </w:t>
      </w:r>
      <w:r w:rsidRPr="008D27F4">
        <w:rPr>
          <w:highlight w:val="yellow"/>
        </w:rPr>
        <w:t>Possibly 26 August, Daisy to ask their Chair.</w:t>
      </w:r>
    </w:p>
    <w:p w14:paraId="42B240A6" w14:textId="126A38BF" w:rsidR="008D27F4" w:rsidRDefault="008D27F4" w:rsidP="008D27F4">
      <w:r w:rsidRPr="008D27F4">
        <w:t>Daisy is going to speak to Big Yellow and see if we could possibly take over this storage as it is free.</w:t>
      </w:r>
    </w:p>
    <w:p w14:paraId="100FC4CA" w14:textId="6F97DB33" w:rsidR="008D27F4" w:rsidRPr="00F2443C" w:rsidRDefault="008D27F4" w:rsidP="008D27F4">
      <w:pPr>
        <w:rPr>
          <w:b/>
          <w:bCs/>
        </w:rPr>
      </w:pPr>
      <w:r w:rsidRPr="00F2443C">
        <w:rPr>
          <w:b/>
          <w:bCs/>
        </w:rPr>
        <w:t>Vera Fletcher Hall</w:t>
      </w:r>
    </w:p>
    <w:p w14:paraId="2FC1172F" w14:textId="09FA888F" w:rsidR="008D27F4" w:rsidRDefault="008D27F4" w:rsidP="008D27F4">
      <w:r>
        <w:t>Val has been to meet with the person who runs this Hall. She has ascertained that they are keen to have us and will be a lower cost than we currently pay.</w:t>
      </w:r>
      <w:r w:rsidR="00F2443C">
        <w:t xml:space="preserve"> We can bulk book Tuesday and Sundays for the year.</w:t>
      </w:r>
    </w:p>
    <w:p w14:paraId="6B55823B" w14:textId="68CD2934" w:rsidR="00F2443C" w:rsidRDefault="00F2443C" w:rsidP="008D27F4">
      <w:r>
        <w:t>There is loads of space, under the stage we can use for storage and we could also have a shed if needed. There is dressing room space. They have a good social media presence. Also in local media that goes around the community.</w:t>
      </w:r>
    </w:p>
    <w:p w14:paraId="21B29C3D" w14:textId="41B2C2A1" w:rsidR="00F2443C" w:rsidRDefault="00F2443C" w:rsidP="008D27F4">
      <w:r>
        <w:t>There is a separate kitchen we can cook in and a serving hatch. There are lighting rigs we can use.</w:t>
      </w:r>
    </w:p>
    <w:p w14:paraId="01E175AE" w14:textId="2F69525B" w:rsidR="00F2443C" w:rsidRDefault="00F2443C" w:rsidP="008D27F4">
      <w:r>
        <w:t>Committee agree we should ask Amanda and SG to come and view it with us.</w:t>
      </w:r>
    </w:p>
    <w:p w14:paraId="768945EC" w14:textId="56DB8950" w:rsidR="00F2443C" w:rsidRDefault="00F2443C" w:rsidP="008D27F4">
      <w:r>
        <w:t>If it’s a real possibility Sarah will write a firm proposal to put to the AGM.</w:t>
      </w:r>
    </w:p>
    <w:p w14:paraId="3F2FB1B5" w14:textId="1AD84DDD" w:rsidR="00F2443C" w:rsidRDefault="00F2443C" w:rsidP="008D27F4">
      <w:r w:rsidRPr="00F2443C">
        <w:rPr>
          <w:highlight w:val="yellow"/>
        </w:rPr>
        <w:t>Val will organise a visit on the 27 Aug</w:t>
      </w:r>
      <w:r>
        <w:t xml:space="preserve"> before we have the food tasting.</w:t>
      </w:r>
    </w:p>
    <w:p w14:paraId="772FEA01" w14:textId="2890DD10" w:rsidR="00F2443C" w:rsidRPr="00F2443C" w:rsidRDefault="00F2443C" w:rsidP="008D27F4">
      <w:pPr>
        <w:rPr>
          <w:b/>
          <w:bCs/>
        </w:rPr>
      </w:pPr>
      <w:r w:rsidRPr="00F2443C">
        <w:rPr>
          <w:b/>
          <w:bCs/>
        </w:rPr>
        <w:t>Next AGM</w:t>
      </w:r>
    </w:p>
    <w:p w14:paraId="587D6F2D" w14:textId="2776C92A" w:rsidR="00F2443C" w:rsidRDefault="00F2443C" w:rsidP="008D27F4">
      <w:r>
        <w:t>Id Amanda and SG can make it we propose the 29 October.</w:t>
      </w:r>
    </w:p>
    <w:p w14:paraId="1310284D" w14:textId="623C8063" w:rsidR="00F2443C" w:rsidRPr="00F2443C" w:rsidRDefault="00F2443C" w:rsidP="008D27F4">
      <w:pPr>
        <w:rPr>
          <w:b/>
          <w:bCs/>
        </w:rPr>
      </w:pPr>
      <w:r w:rsidRPr="00F2443C">
        <w:rPr>
          <w:b/>
          <w:bCs/>
        </w:rPr>
        <w:t>Shed Roof</w:t>
      </w:r>
    </w:p>
    <w:p w14:paraId="46164190" w14:textId="21C5D57E" w:rsidR="00F2443C" w:rsidRDefault="00F2443C" w:rsidP="008D27F4">
      <w:r>
        <w:t>Committee agree that the quote for Daisy’s guy was reasonable however to put off until we know about VF move.</w:t>
      </w:r>
    </w:p>
    <w:p w14:paraId="3D9C0250" w14:textId="77777777" w:rsidR="00F2443C" w:rsidRPr="008D27F4" w:rsidRDefault="00F2443C" w:rsidP="008D27F4"/>
    <w:p w14:paraId="4BAB779E" w14:textId="3CF351FB" w:rsidR="00D87522" w:rsidRPr="00D87522" w:rsidRDefault="00D87522" w:rsidP="00DE77BD">
      <w:pPr>
        <w:rPr>
          <w:b/>
          <w:bCs/>
        </w:rPr>
      </w:pPr>
      <w:r w:rsidRPr="00D87522">
        <w:rPr>
          <w:b/>
          <w:bCs/>
        </w:rPr>
        <w:t>Next Production 3 &amp; 4 Oct</w:t>
      </w:r>
    </w:p>
    <w:p w14:paraId="1C613285" w14:textId="3E6EAED1" w:rsidR="00D87522" w:rsidRDefault="00D87522" w:rsidP="00DE77BD">
      <w:r>
        <w:t xml:space="preserve">Nigel updates on next production. </w:t>
      </w:r>
      <w:r w:rsidR="00F2443C">
        <w:t>Nigel has now finalised the script ( Jeremy having pulled out) and ready to start rehearsals. First rehearsal is on 3 Sept. Nigel shares a poster and the committee decide both nights will start at 7.30pm</w:t>
      </w:r>
    </w:p>
    <w:p w14:paraId="797C976D" w14:textId="53453CA0" w:rsidR="00D87522" w:rsidRDefault="00D87522" w:rsidP="00DE77BD">
      <w:r>
        <w:t>Catering -Daisy, Sarah and Val will look at costings</w:t>
      </w:r>
      <w:r w:rsidR="00F2443C">
        <w:t xml:space="preserve"> for Sainsbury food.</w:t>
      </w:r>
    </w:p>
    <w:p w14:paraId="2233AD3A" w14:textId="722CBB6C" w:rsidR="00F2443C" w:rsidRDefault="00F2443C" w:rsidP="00DE77BD">
      <w:r>
        <w:t xml:space="preserve">Agree to have a tasting on 27 August and Sarah will order food to be delivered to </w:t>
      </w:r>
      <w:r w:rsidR="00292538">
        <w:t>Daisy</w:t>
      </w:r>
      <w:r>
        <w:t xml:space="preserve"> house.</w:t>
      </w:r>
    </w:p>
    <w:p w14:paraId="443B4E5D" w14:textId="7DC39CD4" w:rsidR="00F2443C" w:rsidRDefault="00F2443C" w:rsidP="00DE77BD">
      <w:r>
        <w:t>Sarah will also book slots for 3 &amp; 4 October.</w:t>
      </w:r>
    </w:p>
    <w:p w14:paraId="4F3B18DD" w14:textId="1F1B87DF" w:rsidR="00D87522" w:rsidRDefault="00D87522" w:rsidP="00DE77BD">
      <w:pPr>
        <w:rPr>
          <w:b/>
          <w:bCs/>
        </w:rPr>
      </w:pPr>
      <w:r w:rsidRPr="00D87522">
        <w:rPr>
          <w:b/>
          <w:bCs/>
        </w:rPr>
        <w:t>Social Media</w:t>
      </w:r>
    </w:p>
    <w:p w14:paraId="1932B669" w14:textId="77777777" w:rsidR="00292538" w:rsidRDefault="00292538" w:rsidP="00DE77BD">
      <w:r>
        <w:t>Cameron has agreed to take on social media for us. Sarah will confirm with him.</w:t>
      </w:r>
    </w:p>
    <w:p w14:paraId="6C1D764E" w14:textId="37B9736C" w:rsidR="00D87522" w:rsidRDefault="00D87522" w:rsidP="00DE77BD">
      <w:pPr>
        <w:rPr>
          <w:b/>
          <w:bCs/>
        </w:rPr>
      </w:pPr>
      <w:r w:rsidRPr="00D87522">
        <w:rPr>
          <w:b/>
          <w:bCs/>
        </w:rPr>
        <w:t>Accounts</w:t>
      </w:r>
    </w:p>
    <w:p w14:paraId="608DD95D" w14:textId="0E0C4A6B" w:rsidR="00292538" w:rsidRDefault="00D87522" w:rsidP="00292538">
      <w:r w:rsidRPr="009C750C">
        <w:t xml:space="preserve">Jayne </w:t>
      </w:r>
      <w:r w:rsidR="00292538">
        <w:t>and Sarah have met and gone through the accounts. Sarah has gone through some transactions and understands how Jayne records transactions and keep records. Everything is very well recorded and accounted for.</w:t>
      </w:r>
    </w:p>
    <w:p w14:paraId="25F9F791" w14:textId="075EE24F" w:rsidR="009C750C" w:rsidRDefault="00292538" w:rsidP="009C750C">
      <w:r>
        <w:t>Committee thanks Jayne for all her hard work on the accounts.</w:t>
      </w:r>
    </w:p>
    <w:p w14:paraId="071CA0A1" w14:textId="7B713F38" w:rsidR="00292538" w:rsidRDefault="00292538" w:rsidP="009C750C">
      <w:pPr>
        <w:rPr>
          <w:b/>
          <w:bCs/>
        </w:rPr>
      </w:pPr>
      <w:r>
        <w:rPr>
          <w:b/>
          <w:bCs/>
        </w:rPr>
        <w:t>AOB</w:t>
      </w:r>
    </w:p>
    <w:p w14:paraId="4D217CC4" w14:textId="088F9390" w:rsidR="009C750C" w:rsidRPr="009C750C" w:rsidRDefault="009C750C" w:rsidP="009C750C">
      <w:pPr>
        <w:rPr>
          <w:b/>
          <w:bCs/>
        </w:rPr>
      </w:pPr>
      <w:r w:rsidRPr="009C750C">
        <w:rPr>
          <w:b/>
          <w:bCs/>
        </w:rPr>
        <w:t>Policies</w:t>
      </w:r>
    </w:p>
    <w:p w14:paraId="154F8390" w14:textId="5D9A9762" w:rsidR="009C750C" w:rsidRDefault="00292538" w:rsidP="009C750C">
      <w:r>
        <w:t>Jayne has written a social media policy which the committee will read and come back with any questions.</w:t>
      </w:r>
    </w:p>
    <w:p w14:paraId="0EAE81AA" w14:textId="21E17701" w:rsidR="00292538" w:rsidRDefault="00292538" w:rsidP="009C750C">
      <w:r>
        <w:t>Nigel has prepared three risk assessments</w:t>
      </w:r>
    </w:p>
    <w:p w14:paraId="619F1D74" w14:textId="6AB9671F" w:rsidR="00292538" w:rsidRDefault="00292538" w:rsidP="009C750C">
      <w:r>
        <w:t>Meeting/Rehearsals, Performances,Maintenance</w:t>
      </w:r>
    </w:p>
    <w:p w14:paraId="65B60EF7" w14:textId="7EA87E41" w:rsidR="00292538" w:rsidRDefault="00292538" w:rsidP="009C750C">
      <w:pPr>
        <w:rPr>
          <w:b/>
          <w:bCs/>
        </w:rPr>
      </w:pPr>
      <w:r w:rsidRPr="00292538">
        <w:rPr>
          <w:b/>
          <w:bCs/>
        </w:rPr>
        <w:t>Barnes Singers</w:t>
      </w:r>
    </w:p>
    <w:p w14:paraId="2100791A" w14:textId="13DB1BB8" w:rsidR="00292538" w:rsidRPr="00292538" w:rsidRDefault="00292538" w:rsidP="009C750C">
      <w:r w:rsidRPr="00292538">
        <w:t>Val says that Barnes singers are interested in joining us the musicals. Committee agree we need to think about next years shows if only doing three, can we do a musical show?</w:t>
      </w:r>
    </w:p>
    <w:p w14:paraId="1DC0FE6A" w14:textId="77777777" w:rsidR="0042408E" w:rsidRDefault="0042408E" w:rsidP="00DE77BD"/>
    <w:sectPr w:rsidR="0042408E">
      <w:headerReference w:type="even" r:id="rId7"/>
      <w:headerReference w:type="default" r:id="rId8"/>
      <w:footerReference w:type="even" r:id="rId9"/>
      <w:footerReference w:type="default" r:id="rId10"/>
      <w:headerReference w:type="first" r:id="rId11"/>
      <w:footerReference w:type="first" r:id="rId12"/>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063D163" w14:textId="77777777" w:rsidR="00C37BB1" w:rsidRDefault="00C37BB1" w:rsidP="00C37BB1">
      <w:pPr>
        <w:spacing w:after="0" w:line="240" w:lineRule="auto"/>
      </w:pPr>
      <w:r>
        <w:separator/>
      </w:r>
    </w:p>
  </w:endnote>
  <w:endnote w:type="continuationSeparator" w:id="0">
    <w:p w14:paraId="4C466B39" w14:textId="77777777" w:rsidR="00C37BB1" w:rsidRDefault="00C37BB1" w:rsidP="00C37BB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E5E484" w14:textId="77777777" w:rsidR="00C37BB1" w:rsidRDefault="00C37BB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E23CDF" w14:textId="01E6F0C8" w:rsidR="00C37BB1" w:rsidRDefault="00C37BB1">
    <w:pPr>
      <w:pStyle w:val="Footer"/>
    </w:pPr>
  </w:p>
  <w:p w14:paraId="13AFE6C6" w14:textId="244DE1E1" w:rsidR="00C37BB1" w:rsidRDefault="007561D2" w:rsidP="00C37BB1">
    <w:pPr>
      <w:pStyle w:val="Footer"/>
    </w:pPr>
    <w:r>
      <w:fldChar w:fldCharType="begin"/>
    </w:r>
    <w:r>
      <w:instrText xml:space="preserve"> DOCPROPERTY iManageFooter \* MERGEFORMAT </w:instrText>
    </w:r>
    <w:r>
      <w:fldChar w:fldCharType="separate"/>
    </w:r>
    <w:r>
      <w:t>27119495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945E00" w14:textId="77777777" w:rsidR="00C37BB1" w:rsidRDefault="00C37BB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3DC50DB" w14:textId="77777777" w:rsidR="00C37BB1" w:rsidRDefault="00C37BB1" w:rsidP="00C37BB1">
      <w:pPr>
        <w:spacing w:after="0" w:line="240" w:lineRule="auto"/>
      </w:pPr>
      <w:r>
        <w:separator/>
      </w:r>
    </w:p>
  </w:footnote>
  <w:footnote w:type="continuationSeparator" w:id="0">
    <w:p w14:paraId="6EF01575" w14:textId="77777777" w:rsidR="00C37BB1" w:rsidRDefault="00C37BB1" w:rsidP="00C37BB1">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9A916D" w14:textId="77777777" w:rsidR="00C37BB1" w:rsidRDefault="00C37BB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CFC9B9" w14:textId="77777777" w:rsidR="00C37BB1" w:rsidRDefault="00C37BB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86E300" w14:textId="77777777" w:rsidR="00C37BB1" w:rsidRDefault="00C37BB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20066B7"/>
    <w:multiLevelType w:val="hybridMultilevel"/>
    <w:tmpl w:val="8F1837B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29EE44F6"/>
    <w:multiLevelType w:val="hybridMultilevel"/>
    <w:tmpl w:val="C1F6A61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445C424F"/>
    <w:multiLevelType w:val="hybridMultilevel"/>
    <w:tmpl w:val="2FDC8B1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abstractNumId w:val="0"/>
  </w:num>
  <w:num w:numId="2">
    <w:abstractNumId w:val="2"/>
  </w:num>
  <w:num w:numId="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E77BD"/>
    <w:rsid w:val="001163AB"/>
    <w:rsid w:val="00292538"/>
    <w:rsid w:val="00321B54"/>
    <w:rsid w:val="0042408E"/>
    <w:rsid w:val="00751249"/>
    <w:rsid w:val="007561D2"/>
    <w:rsid w:val="007738E5"/>
    <w:rsid w:val="008D27F4"/>
    <w:rsid w:val="009C750C"/>
    <w:rsid w:val="00A61492"/>
    <w:rsid w:val="00A83748"/>
    <w:rsid w:val="00AF6042"/>
    <w:rsid w:val="00C37BB1"/>
    <w:rsid w:val="00CB069D"/>
    <w:rsid w:val="00D43769"/>
    <w:rsid w:val="00D87522"/>
    <w:rsid w:val="00DE77BD"/>
    <w:rsid w:val="00E234D9"/>
    <w:rsid w:val="00F2443C"/>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A8698A0"/>
  <w15:chartTrackingRefBased/>
  <w15:docId w15:val="{8603A124-CA63-44DC-9220-0D5AE21078F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DE77BD"/>
    <w:pPr>
      <w:ind w:left="720"/>
      <w:contextualSpacing/>
    </w:pPr>
  </w:style>
  <w:style w:type="paragraph" w:styleId="Header">
    <w:name w:val="header"/>
    <w:basedOn w:val="Normal"/>
    <w:link w:val="HeaderChar"/>
    <w:uiPriority w:val="99"/>
    <w:unhideWhenUsed/>
    <w:rsid w:val="00C37BB1"/>
    <w:pPr>
      <w:tabs>
        <w:tab w:val="center" w:pos="4513"/>
        <w:tab w:val="right" w:pos="9026"/>
      </w:tabs>
      <w:spacing w:after="0" w:line="240" w:lineRule="auto"/>
    </w:pPr>
  </w:style>
  <w:style w:type="character" w:customStyle="1" w:styleId="HeaderChar">
    <w:name w:val="Header Char"/>
    <w:basedOn w:val="DefaultParagraphFont"/>
    <w:link w:val="Header"/>
    <w:uiPriority w:val="99"/>
    <w:rsid w:val="00C37BB1"/>
  </w:style>
  <w:style w:type="paragraph" w:styleId="Footer">
    <w:name w:val="footer"/>
    <w:basedOn w:val="Normal"/>
    <w:link w:val="FooterChar"/>
    <w:uiPriority w:val="99"/>
    <w:unhideWhenUsed/>
    <w:rsid w:val="00C37BB1"/>
    <w:pPr>
      <w:tabs>
        <w:tab w:val="center" w:pos="4513"/>
        <w:tab w:val="right" w:pos="9026"/>
      </w:tabs>
      <w:spacing w:after="0" w:line="240" w:lineRule="auto"/>
    </w:pPr>
  </w:style>
  <w:style w:type="character" w:customStyle="1" w:styleId="FooterChar">
    <w:name w:val="Footer Char"/>
    <w:basedOn w:val="DefaultParagraphFont"/>
    <w:link w:val="Footer"/>
    <w:uiPriority w:val="99"/>
    <w:rsid w:val="00C37BB1"/>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A C T I V E ! 2 7 1 1 9 4 9 5 . 1 < / d o c u m e n t i d >  
     < s e n d e r i d > R I C H A R D S O N S < / s e n d e r i d >  
     < s e n d e r e m a i l > S A R A H . R I C H A R D S O N @ R U S S E L L - C O O K E . C O . U K < / s e n d e r e m a i l >  
     < l a s t m o d i f i e d > 2 0 2 5 - 0 8 - 1 2 T 1 3 : 4 2 : 0 0 . 0 0 0 0 0 0 0 + 0 1 : 0 0 < / l a s t m o d i f i e d >  
     < d a t a b a s e > A C T I V E < / d a t a b a s e >  
 < / p r o p e r t i e s > 
</file>

<file path=docProps/app.xml><?xml version="1.0" encoding="utf-8"?>
<Properties xmlns="http://schemas.openxmlformats.org/officeDocument/2006/extended-properties" xmlns:vt="http://schemas.openxmlformats.org/officeDocument/2006/docPropsVTypes">
  <Template>Normal.dotm</Template>
  <TotalTime>8</TotalTime>
  <Pages>2</Pages>
  <Words>448</Words>
  <Characters>2556</Characters>
  <Application>Microsoft Office Word</Application>
  <DocSecurity>0</DocSecurity>
  <Lines>21</Lines>
  <Paragraphs>5</Paragraphs>
  <ScaleCrop>false</ScaleCrop>
  <HeadingPairs>
    <vt:vector size="2" baseType="variant">
      <vt:variant>
        <vt:lpstr>Title</vt:lpstr>
      </vt:variant>
      <vt:variant>
        <vt:i4>1</vt:i4>
      </vt:variant>
    </vt:vector>
  </HeadingPairs>
  <TitlesOfParts>
    <vt:vector size="1" baseType="lpstr">
      <vt:lpstr/>
    </vt:vector>
  </TitlesOfParts>
  <Company>Russell-Cooke</Company>
  <LinksUpToDate>false</LinksUpToDate>
  <CharactersWithSpaces>299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arah Richardson</dc:creator>
  <cp:keywords/>
  <dc:description/>
  <cp:lastModifiedBy>Sarah Richardson</cp:lastModifiedBy>
  <cp:revision>4</cp:revision>
  <dcterms:created xsi:type="dcterms:W3CDTF">2025-08-12T12:42:00Z</dcterms:created>
  <dcterms:modified xsi:type="dcterms:W3CDTF">2025-08-12T12: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27119495v1</vt:lpwstr>
  </property>
</Properties>
</file>